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71" d="100"/>
          <a:sy n="71" d="100"/>
        </p:scale>
        <p:origin x="1896" y="5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6/25/2025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31805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019800" y="1312861"/>
            <a:ext cx="3883158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90C289E8-E907-2A48-BC70-85B148F53D4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442597961"/>
              </p:ext>
            </p:extLst>
          </p:nvPr>
        </p:nvGraphicFramePr>
        <p:xfrm>
          <a:off x="5623559" y="5782371"/>
          <a:ext cx="3499357" cy="997875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32820">
                  <a:extLst>
                    <a:ext uri="{9D8B030D-6E8A-4147-A177-3AD203B41FA5}">
                      <a16:colId xmlns:a16="http://schemas.microsoft.com/office/drawing/2014/main" val="1722119727"/>
                    </a:ext>
                  </a:extLst>
                </a:gridCol>
                <a:gridCol w="666997">
                  <a:extLst>
                    <a:ext uri="{9D8B030D-6E8A-4147-A177-3AD203B41FA5}">
                      <a16:colId xmlns:a16="http://schemas.microsoft.com/office/drawing/2014/main" val="1192097090"/>
                    </a:ext>
                  </a:extLst>
                </a:gridCol>
                <a:gridCol w="499908">
                  <a:extLst>
                    <a:ext uri="{9D8B030D-6E8A-4147-A177-3AD203B41FA5}">
                      <a16:colId xmlns:a16="http://schemas.microsoft.com/office/drawing/2014/main" val="787676322"/>
                    </a:ext>
                  </a:extLst>
                </a:gridCol>
                <a:gridCol w="499908">
                  <a:extLst>
                    <a:ext uri="{9D8B030D-6E8A-4147-A177-3AD203B41FA5}">
                      <a16:colId xmlns:a16="http://schemas.microsoft.com/office/drawing/2014/main" val="1344011655"/>
                    </a:ext>
                  </a:extLst>
                </a:gridCol>
                <a:gridCol w="499908">
                  <a:extLst>
                    <a:ext uri="{9D8B030D-6E8A-4147-A177-3AD203B41FA5}">
                      <a16:colId xmlns:a16="http://schemas.microsoft.com/office/drawing/2014/main" val="1268732355"/>
                    </a:ext>
                  </a:extLst>
                </a:gridCol>
                <a:gridCol w="499908">
                  <a:extLst>
                    <a:ext uri="{9D8B030D-6E8A-4147-A177-3AD203B41FA5}">
                      <a16:colId xmlns:a16="http://schemas.microsoft.com/office/drawing/2014/main" val="3485774548"/>
                    </a:ext>
                  </a:extLst>
                </a:gridCol>
                <a:gridCol w="499908">
                  <a:extLst>
                    <a:ext uri="{9D8B030D-6E8A-4147-A177-3AD203B41FA5}">
                      <a16:colId xmlns:a16="http://schemas.microsoft.com/office/drawing/2014/main" val="1799910493"/>
                    </a:ext>
                  </a:extLst>
                </a:gridCol>
              </a:tblGrid>
              <a:tr h="114316"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1000" u="none" strike="noStrike">
                          <a:effectLst/>
                        </a:rPr>
                        <a:t> 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u="none" strike="noStrike" dirty="0">
                          <a:effectLst/>
                        </a:rPr>
                        <a:t> </a:t>
                      </a:r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gridSpan="5">
                  <a:txBody>
                    <a:bodyPr/>
                    <a:lstStyle/>
                    <a:p>
                      <a:pPr algn="ctr" rtl="0" fontAlgn="ctr"/>
                      <a:r>
                        <a:rPr lang="en-IN" sz="1000" u="none" strike="noStrike" dirty="0">
                          <a:effectLst/>
                        </a:rPr>
                        <a:t>Perpetuity Growth Rate (%)</a:t>
                      </a:r>
                      <a:endParaRPr lang="en-IN" sz="1000" b="0" i="1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741593325"/>
                  </a:ext>
                </a:extLst>
              </a:tr>
              <a:tr h="95739">
                <a:tc rowSpan="6">
                  <a:txBody>
                    <a:bodyPr/>
                    <a:lstStyle/>
                    <a:p>
                      <a:pPr algn="ctr" rtl="0" fontAlgn="ctr"/>
                      <a:r>
                        <a:rPr lang="en-IN" sz="1000" u="none" strike="noStrike" dirty="0">
                          <a:effectLst/>
                        </a:rPr>
                        <a:t>WACC (%)</a:t>
                      </a:r>
                      <a:endParaRPr lang="en-IN" sz="1000" b="0" i="1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vert="vert27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 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u="none" strike="noStrike">
                          <a:effectLst/>
                        </a:rPr>
                        <a:t>0.00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u="none" strike="noStrike" dirty="0">
                          <a:effectLst/>
                        </a:rPr>
                        <a:t>0.25%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u="none" strike="noStrike" dirty="0">
                          <a:effectLst/>
                        </a:rPr>
                        <a:t>0.50%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u="none" strike="noStrike" dirty="0">
                          <a:effectLst/>
                        </a:rPr>
                        <a:t>0.75%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u="none" strike="noStrike">
                          <a:effectLst/>
                        </a:rPr>
                        <a:t>1.00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292762183"/>
                  </a:ext>
                </a:extLst>
              </a:tr>
              <a:tr h="144711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7.5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88 / 404c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905 / 412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923 / 421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943 / 431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964 / 442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600084261"/>
                  </a:ext>
                </a:extLst>
              </a:tr>
              <a:tr h="144711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8.0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30 / 374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844 / 382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859 / 389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875 / 397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893 / 406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299984523"/>
                  </a:ext>
                </a:extLst>
              </a:tr>
              <a:tr h="144711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8.5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78 / 348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90 / 355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03 / 361c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17 / 368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31 / 375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437486797"/>
                  </a:ext>
                </a:extLst>
              </a:tr>
              <a:tr h="144711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9.0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32 / 325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43 / 331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54 / 336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65 / 342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78 / 348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622402847"/>
                  </a:ext>
                </a:extLst>
              </a:tr>
              <a:tr h="144711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u="none" strike="noStrike">
                          <a:effectLst/>
                        </a:rPr>
                        <a:t>9.5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691 / 305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00 / 309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10 / 314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20 / 319c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730 / 324c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754314377"/>
                  </a:ext>
                </a:extLst>
              </a:tr>
            </a:tbl>
          </a:graphicData>
        </a:graphic>
      </p:graphicFrame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EBB58B55-5401-E848-649D-8211A56E640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705603918"/>
              </p:ext>
            </p:extLst>
          </p:nvPr>
        </p:nvGraphicFramePr>
        <p:xfrm>
          <a:off x="785686" y="5595508"/>
          <a:ext cx="3499355" cy="13716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2101317">
                  <a:extLst>
                    <a:ext uri="{9D8B030D-6E8A-4147-A177-3AD203B41FA5}">
                      <a16:colId xmlns:a16="http://schemas.microsoft.com/office/drawing/2014/main" val="845054630"/>
                    </a:ext>
                  </a:extLst>
                </a:gridCol>
                <a:gridCol w="41484">
                  <a:extLst>
                    <a:ext uri="{9D8B030D-6E8A-4147-A177-3AD203B41FA5}">
                      <a16:colId xmlns:a16="http://schemas.microsoft.com/office/drawing/2014/main" val="2626196967"/>
                    </a:ext>
                  </a:extLst>
                </a:gridCol>
                <a:gridCol w="678277">
                  <a:extLst>
                    <a:ext uri="{9D8B030D-6E8A-4147-A177-3AD203B41FA5}">
                      <a16:colId xmlns:a16="http://schemas.microsoft.com/office/drawing/2014/main" val="672305045"/>
                    </a:ext>
                  </a:extLst>
                </a:gridCol>
                <a:gridCol w="678277">
                  <a:extLst>
                    <a:ext uri="{9D8B030D-6E8A-4147-A177-3AD203B41FA5}">
                      <a16:colId xmlns:a16="http://schemas.microsoft.com/office/drawing/2014/main" val="1139463582"/>
                    </a:ext>
                  </a:extLst>
                </a:gridCol>
              </a:tblGrid>
              <a:tr h="150348">
                <a:tc rowSpan="2" gridSpan="2">
                  <a:txBody>
                    <a:bodyPr/>
                    <a:lstStyle/>
                    <a:p>
                      <a:pPr algn="l" rtl="0" fontAlgn="ctr"/>
                      <a:r>
                        <a:rPr lang="en-GB" sz="1000" u="none" strike="noStrike">
                          <a:effectLst/>
                        </a:rPr>
                        <a:t>Value Based on 8.5% WACC &amp; 0.5% TGR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rowSpan="2"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u="none" strike="noStrike">
                          <a:effectLst/>
                        </a:rPr>
                        <a:t>Amount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u="none" strike="noStrike">
                          <a:effectLst/>
                        </a:rPr>
                        <a:t>% of 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753162292"/>
                  </a:ext>
                </a:extLst>
              </a:tr>
              <a:tr h="135283">
                <a:tc gridSpan="2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000" u="none" strike="noStrike">
                          <a:effectLst/>
                        </a:rPr>
                        <a:t>($m)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u="none" strike="noStrike">
                          <a:effectLst/>
                        </a:rPr>
                        <a:t>NPV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179534601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Present Value of Cashflows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 dirty="0">
                          <a:effectLst/>
                        </a:rPr>
                        <a:t>409 </a:t>
                      </a:r>
                      <a:endParaRPr lang="en-IN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50.9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921080770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PV of Terminal Value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394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49.1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492234989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Implied Firm NPV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u="none" strike="noStrike">
                          <a:effectLst/>
                        </a:rPr>
                        <a:t> </a:t>
                      </a:r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803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100.0%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514600924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Net debt &amp; adjustments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(85)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485786365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Implied equity value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u="none" strike="noStrike">
                          <a:effectLst/>
                        </a:rPr>
                        <a:t> </a:t>
                      </a:r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718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 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814905373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Implied share price ($c)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361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492043861"/>
                  </a:ext>
                </a:extLst>
              </a:tr>
              <a:tr h="13528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% premium to current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11430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118.8% </a:t>
                      </a:r>
                      <a:endParaRPr lang="en-IN" sz="8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606660066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46E2198E-3054-55D6-E00C-322507C3CE6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741298510"/>
              </p:ext>
            </p:extLst>
          </p:nvPr>
        </p:nvGraphicFramePr>
        <p:xfrm>
          <a:off x="795528" y="1473777"/>
          <a:ext cx="9097574" cy="3908601"/>
        </p:xfrm>
        <a:graphic>
          <a:graphicData uri="http://schemas.openxmlformats.org/drawingml/2006/table">
            <a:tbl>
              <a:tblPr/>
              <a:tblGrid>
                <a:gridCol w="434421">
                  <a:extLst>
                    <a:ext uri="{9D8B030D-6E8A-4147-A177-3AD203B41FA5}">
                      <a16:colId xmlns:a16="http://schemas.microsoft.com/office/drawing/2014/main" val="3155575334"/>
                    </a:ext>
                  </a:extLst>
                </a:gridCol>
                <a:gridCol w="547236">
                  <a:extLst>
                    <a:ext uri="{9D8B030D-6E8A-4147-A177-3AD203B41FA5}">
                      <a16:colId xmlns:a16="http://schemas.microsoft.com/office/drawing/2014/main" val="2326542989"/>
                    </a:ext>
                  </a:extLst>
                </a:gridCol>
                <a:gridCol w="547236">
                  <a:extLst>
                    <a:ext uri="{9D8B030D-6E8A-4147-A177-3AD203B41FA5}">
                      <a16:colId xmlns:a16="http://schemas.microsoft.com/office/drawing/2014/main" val="1117455022"/>
                    </a:ext>
                  </a:extLst>
                </a:gridCol>
                <a:gridCol w="412531">
                  <a:extLst>
                    <a:ext uri="{9D8B030D-6E8A-4147-A177-3AD203B41FA5}">
                      <a16:colId xmlns:a16="http://schemas.microsoft.com/office/drawing/2014/main" val="2457493985"/>
                    </a:ext>
                  </a:extLst>
                </a:gridCol>
                <a:gridCol w="412531">
                  <a:extLst>
                    <a:ext uri="{9D8B030D-6E8A-4147-A177-3AD203B41FA5}">
                      <a16:colId xmlns:a16="http://schemas.microsoft.com/office/drawing/2014/main" val="162194899"/>
                    </a:ext>
                  </a:extLst>
                </a:gridCol>
                <a:gridCol w="33676">
                  <a:extLst>
                    <a:ext uri="{9D8B030D-6E8A-4147-A177-3AD203B41FA5}">
                      <a16:colId xmlns:a16="http://schemas.microsoft.com/office/drawing/2014/main" val="1924559241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2543269051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1575501704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3245043773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1931423063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3169910869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1912197255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2265960279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3139359648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1940349147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4230000374"/>
                    </a:ext>
                  </a:extLst>
                </a:gridCol>
                <a:gridCol w="572492">
                  <a:extLst>
                    <a:ext uri="{9D8B030D-6E8A-4147-A177-3AD203B41FA5}">
                      <a16:colId xmlns:a16="http://schemas.microsoft.com/office/drawing/2014/main" val="656391263"/>
                    </a:ext>
                  </a:extLst>
                </a:gridCol>
                <a:gridCol w="412531">
                  <a:extLst>
                    <a:ext uri="{9D8B030D-6E8A-4147-A177-3AD203B41FA5}">
                      <a16:colId xmlns:a16="http://schemas.microsoft.com/office/drawing/2014/main" val="755940019"/>
                    </a:ext>
                  </a:extLst>
                </a:gridCol>
              </a:tblGrid>
              <a:tr h="129513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CF Forecast Yea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36834129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ar YE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8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3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939073880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14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2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3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9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2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31331722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0.3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33135317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D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47704283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095850860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6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0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6083999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&amp;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3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3293787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12961787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4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9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7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4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9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00078526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98702114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35153726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ax on 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3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35370435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tax rat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00747119"/>
                  </a:ext>
                </a:extLst>
              </a:tr>
              <a:tr h="12951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67103611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66487836"/>
                  </a:ext>
                </a:extLst>
              </a:tr>
              <a:tr h="129513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hange in NW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08639090"/>
                  </a:ext>
                </a:extLst>
              </a:tr>
              <a:tr h="129513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ther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30376383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02439852"/>
                  </a:ext>
                </a:extLst>
              </a:tr>
              <a:tr h="129513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xceptional item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248574274"/>
                  </a:ext>
                </a:extLst>
              </a:tr>
              <a:tr h="19516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7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14898826"/>
                  </a:ext>
                </a:extLst>
              </a:tr>
              <a:tr h="195169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nlevered free cash flow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507860497"/>
                  </a:ext>
                </a:extLst>
              </a:tr>
              <a:tr h="129513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GB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flow Timing (Years to Discount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04214396"/>
                  </a:ext>
                </a:extLst>
              </a:tr>
              <a:tr h="129513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 Facto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4926559"/>
                  </a:ext>
                </a:extLst>
              </a:tr>
              <a:tr h="129513">
                <a:tc gridSpan="3"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ed DCF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5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98126097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10</TotalTime>
  <Words>784</Words>
  <Application>Microsoft Office PowerPoint</Application>
  <PresentationFormat>Custom</PresentationFormat>
  <Paragraphs>391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rohitdhole1201@gmail.com</cp:lastModifiedBy>
  <cp:revision>866</cp:revision>
  <cp:lastPrinted>2020-01-28T09:55:08Z</cp:lastPrinted>
  <dcterms:created xsi:type="dcterms:W3CDTF">2015-06-19T14:55:37Z</dcterms:created>
  <dcterms:modified xsi:type="dcterms:W3CDTF">2025-06-25T07:50:59Z</dcterms:modified>
</cp:coreProperties>
</file>